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150\Documents\情報政策課_20170620\opendata_加工用\170221_特別教育支援課（特別支援学校一覧）\"/>
    </mc:Choice>
  </mc:AlternateContent>
  <bookViews>
    <workbookView xWindow="600" yWindow="135" windowWidth="19395" windowHeight="7815"/>
  </bookViews>
  <sheets>
    <sheet name="Sheet1" sheetId="1" r:id="rId1"/>
  </sheets>
  <calcPr calcId="145621"/>
</workbook>
</file>

<file path=xl/sharedStrings.xml><?xml version="1.0" encoding="utf-8"?>
<sst xmlns="http://schemas.openxmlformats.org/spreadsheetml/2006/main" count="264" uniqueCount="141">
  <si>
    <t>学校名</t>
    <rPh sb="0" eb="3">
      <t>ガッコウメイ</t>
    </rPh>
    <phoneticPr fontId="1"/>
  </si>
  <si>
    <t>障がい種</t>
    <rPh sb="0" eb="1">
      <t>ショウ</t>
    </rPh>
    <rPh sb="3" eb="4">
      <t>シュ</t>
    </rPh>
    <phoneticPr fontId="1"/>
  </si>
  <si>
    <t>郵便番号</t>
    <rPh sb="0" eb="2">
      <t>ユウビン</t>
    </rPh>
    <rPh sb="2" eb="4">
      <t>バンゴウ</t>
    </rPh>
    <phoneticPr fontId="1"/>
  </si>
  <si>
    <t>所在地</t>
    <rPh sb="0" eb="3">
      <t>ショザイチ</t>
    </rPh>
    <phoneticPr fontId="1"/>
  </si>
  <si>
    <t>電話</t>
    <rPh sb="0" eb="2">
      <t>デンワ</t>
    </rPh>
    <phoneticPr fontId="1"/>
  </si>
  <si>
    <t>ＦＡＸ</t>
    <phoneticPr fontId="1"/>
  </si>
  <si>
    <t>メールアドレス</t>
    <phoneticPr fontId="1"/>
  </si>
  <si>
    <t>緯度</t>
    <rPh sb="0" eb="2">
      <t>イド</t>
    </rPh>
    <phoneticPr fontId="1"/>
  </si>
  <si>
    <t>経度</t>
    <rPh sb="0" eb="2">
      <t>ケイド</t>
    </rPh>
    <phoneticPr fontId="1"/>
  </si>
  <si>
    <t>盲学校</t>
    <rPh sb="0" eb="3">
      <t>モウガッコウ</t>
    </rPh>
    <phoneticPr fontId="1"/>
  </si>
  <si>
    <t>松江ろう学校</t>
    <rPh sb="0" eb="2">
      <t>マツエ</t>
    </rPh>
    <rPh sb="4" eb="6">
      <t>ガッコウ</t>
    </rPh>
    <phoneticPr fontId="1"/>
  </si>
  <si>
    <t>浜田ろう学校</t>
    <rPh sb="0" eb="2">
      <t>ハマダ</t>
    </rPh>
    <rPh sb="4" eb="6">
      <t>ガッコウ</t>
    </rPh>
    <phoneticPr fontId="1"/>
  </si>
  <si>
    <t>松江養護学校</t>
    <rPh sb="0" eb="2">
      <t>マツエ</t>
    </rPh>
    <rPh sb="2" eb="4">
      <t>ヨウゴ</t>
    </rPh>
    <rPh sb="4" eb="6">
      <t>ガッコウ</t>
    </rPh>
    <phoneticPr fontId="1"/>
  </si>
  <si>
    <t>松江養護学校乃木校舎</t>
    <rPh sb="0" eb="2">
      <t>マツエ</t>
    </rPh>
    <rPh sb="2" eb="4">
      <t>ヨウゴ</t>
    </rPh>
    <rPh sb="4" eb="6">
      <t>ガッコウ</t>
    </rPh>
    <rPh sb="6" eb="8">
      <t>ノギ</t>
    </rPh>
    <rPh sb="8" eb="10">
      <t>コウシャ</t>
    </rPh>
    <phoneticPr fontId="1"/>
  </si>
  <si>
    <t>松江養護学校安来分教室</t>
    <rPh sb="0" eb="2">
      <t>マツエ</t>
    </rPh>
    <rPh sb="2" eb="4">
      <t>ヨウゴ</t>
    </rPh>
    <rPh sb="4" eb="6">
      <t>ガッコウ</t>
    </rPh>
    <rPh sb="6" eb="8">
      <t>ヤスギ</t>
    </rPh>
    <rPh sb="8" eb="11">
      <t>ブンキョウシツ</t>
    </rPh>
    <phoneticPr fontId="1"/>
  </si>
  <si>
    <t>出雲養護学校</t>
    <rPh sb="0" eb="2">
      <t>イズモ</t>
    </rPh>
    <rPh sb="2" eb="4">
      <t>ヨウゴ</t>
    </rPh>
    <rPh sb="4" eb="6">
      <t>ガッコウ</t>
    </rPh>
    <phoneticPr fontId="1"/>
  </si>
  <si>
    <t>出雲養護学校大田分教室</t>
    <rPh sb="0" eb="2">
      <t>イズモ</t>
    </rPh>
    <rPh sb="2" eb="4">
      <t>ヨウゴ</t>
    </rPh>
    <rPh sb="4" eb="6">
      <t>ガッコウ</t>
    </rPh>
    <rPh sb="6" eb="8">
      <t>オオダ</t>
    </rPh>
    <rPh sb="8" eb="11">
      <t>ブンキョウシツ</t>
    </rPh>
    <phoneticPr fontId="1"/>
  </si>
  <si>
    <t>出雲養護学校邇摩分教室</t>
    <rPh sb="0" eb="2">
      <t>イズモ</t>
    </rPh>
    <rPh sb="2" eb="4">
      <t>ヨウゴ</t>
    </rPh>
    <rPh sb="4" eb="6">
      <t>ガッコウ</t>
    </rPh>
    <rPh sb="6" eb="8">
      <t>ニマ</t>
    </rPh>
    <rPh sb="8" eb="11">
      <t>ブンキョウシツ</t>
    </rPh>
    <phoneticPr fontId="1"/>
  </si>
  <si>
    <t>出雲養護学校みらい分教室</t>
    <rPh sb="0" eb="2">
      <t>イズモ</t>
    </rPh>
    <rPh sb="2" eb="4">
      <t>ヨウゴ</t>
    </rPh>
    <rPh sb="4" eb="6">
      <t>ガッコウ</t>
    </rPh>
    <rPh sb="9" eb="12">
      <t>ブンキョウシツ</t>
    </rPh>
    <phoneticPr fontId="1"/>
  </si>
  <si>
    <t>出雲養護学校雲南分教室</t>
    <rPh sb="0" eb="2">
      <t>イズモ</t>
    </rPh>
    <rPh sb="2" eb="4">
      <t>ヨウゴ</t>
    </rPh>
    <rPh sb="4" eb="6">
      <t>ガッコウ</t>
    </rPh>
    <rPh sb="6" eb="8">
      <t>ウンナン</t>
    </rPh>
    <rPh sb="8" eb="11">
      <t>ブンキョウシツ</t>
    </rPh>
    <phoneticPr fontId="1"/>
  </si>
  <si>
    <t>石見養護学校</t>
    <rPh sb="0" eb="2">
      <t>イワミ</t>
    </rPh>
    <rPh sb="2" eb="4">
      <t>ヨウゴ</t>
    </rPh>
    <rPh sb="4" eb="6">
      <t>ガッコウ</t>
    </rPh>
    <phoneticPr fontId="1"/>
  </si>
  <si>
    <t>浜田養護学校</t>
    <rPh sb="0" eb="2">
      <t>ハマダ</t>
    </rPh>
    <rPh sb="2" eb="4">
      <t>ヨウゴ</t>
    </rPh>
    <rPh sb="4" eb="6">
      <t>ガッコウ</t>
    </rPh>
    <phoneticPr fontId="1"/>
  </si>
  <si>
    <t>益田養護学校</t>
    <rPh sb="0" eb="2">
      <t>マスダ</t>
    </rPh>
    <rPh sb="2" eb="4">
      <t>ヨウゴ</t>
    </rPh>
    <rPh sb="4" eb="6">
      <t>ガッコウ</t>
    </rPh>
    <phoneticPr fontId="1"/>
  </si>
  <si>
    <t>隠岐養護学校</t>
    <rPh sb="0" eb="2">
      <t>オキ</t>
    </rPh>
    <rPh sb="2" eb="4">
      <t>ヨウゴ</t>
    </rPh>
    <rPh sb="4" eb="6">
      <t>ガッコウ</t>
    </rPh>
    <phoneticPr fontId="1"/>
  </si>
  <si>
    <t>松江清心養護学校</t>
    <rPh sb="0" eb="2">
      <t>マツエ</t>
    </rPh>
    <rPh sb="2" eb="4">
      <t>セイシン</t>
    </rPh>
    <rPh sb="4" eb="6">
      <t>ヨウゴ</t>
    </rPh>
    <rPh sb="6" eb="8">
      <t>ガッコウ</t>
    </rPh>
    <phoneticPr fontId="1"/>
  </si>
  <si>
    <t>江津清和養護学校</t>
    <rPh sb="0" eb="2">
      <t>ゴウツ</t>
    </rPh>
    <rPh sb="2" eb="4">
      <t>セイワ</t>
    </rPh>
    <rPh sb="4" eb="6">
      <t>ヨウゴ</t>
    </rPh>
    <rPh sb="6" eb="8">
      <t>ガッコウ</t>
    </rPh>
    <phoneticPr fontId="1"/>
  </si>
  <si>
    <t>松江緑が丘養護学校</t>
    <rPh sb="0" eb="2">
      <t>マツエ</t>
    </rPh>
    <rPh sb="2" eb="3">
      <t>ミドリ</t>
    </rPh>
    <rPh sb="4" eb="5">
      <t>オカ</t>
    </rPh>
    <rPh sb="5" eb="7">
      <t>ヨウゴ</t>
    </rPh>
    <rPh sb="7" eb="9">
      <t>ガッコウ</t>
    </rPh>
    <phoneticPr fontId="1"/>
  </si>
  <si>
    <t>視覚</t>
    <rPh sb="0" eb="2">
      <t>シカク</t>
    </rPh>
    <phoneticPr fontId="1"/>
  </si>
  <si>
    <t>聴覚</t>
    <rPh sb="0" eb="2">
      <t>チョウカク</t>
    </rPh>
    <phoneticPr fontId="1"/>
  </si>
  <si>
    <t>知的</t>
    <rPh sb="0" eb="2">
      <t>チテキ</t>
    </rPh>
    <phoneticPr fontId="1"/>
  </si>
  <si>
    <t>病弱</t>
    <rPh sb="0" eb="2">
      <t>ビョウジャク</t>
    </rPh>
    <phoneticPr fontId="1"/>
  </si>
  <si>
    <t>肢体不自由</t>
    <rPh sb="0" eb="2">
      <t>シタイ</t>
    </rPh>
    <rPh sb="2" eb="5">
      <t>フジユウ</t>
    </rPh>
    <phoneticPr fontId="1"/>
  </si>
  <si>
    <t>肢体不自由、病弱</t>
    <rPh sb="0" eb="2">
      <t>シタイ</t>
    </rPh>
    <rPh sb="2" eb="5">
      <t>フジユウ</t>
    </rPh>
    <rPh sb="6" eb="8">
      <t>ビョウジャク</t>
    </rPh>
    <phoneticPr fontId="1"/>
  </si>
  <si>
    <t>知的、肢体不自由</t>
    <rPh sb="0" eb="2">
      <t>チテキ</t>
    </rPh>
    <rPh sb="3" eb="5">
      <t>シタイ</t>
    </rPh>
    <rPh sb="5" eb="8">
      <t>フジユウ</t>
    </rPh>
    <phoneticPr fontId="1"/>
  </si>
  <si>
    <t>690-0122</t>
    <phoneticPr fontId="1"/>
  </si>
  <si>
    <t>690-0121</t>
    <phoneticPr fontId="1"/>
  </si>
  <si>
    <t>697-0003</t>
    <phoneticPr fontId="1"/>
  </si>
  <si>
    <t>690-0823</t>
    <phoneticPr fontId="1"/>
  </si>
  <si>
    <t>690-0046</t>
    <phoneticPr fontId="1"/>
  </si>
  <si>
    <t>692-0031</t>
    <phoneticPr fontId="1"/>
  </si>
  <si>
    <t>699-0822</t>
    <phoneticPr fontId="1"/>
  </si>
  <si>
    <t>694-0052</t>
    <phoneticPr fontId="1"/>
  </si>
  <si>
    <t>699-2301</t>
    <phoneticPr fontId="1"/>
  </si>
  <si>
    <t>690-2404</t>
    <phoneticPr fontId="1"/>
  </si>
  <si>
    <t>696-0102</t>
    <phoneticPr fontId="1"/>
  </si>
  <si>
    <t>685-0016</t>
    <phoneticPr fontId="1"/>
  </si>
  <si>
    <t>697-0003</t>
    <phoneticPr fontId="1"/>
  </si>
  <si>
    <t>699-5132</t>
    <phoneticPr fontId="1"/>
  </si>
  <si>
    <t>690-0864</t>
    <phoneticPr fontId="1"/>
  </si>
  <si>
    <t>695-0001</t>
    <phoneticPr fontId="1"/>
  </si>
  <si>
    <t>690-0015</t>
    <phoneticPr fontId="1"/>
  </si>
  <si>
    <t>松江市西浜佐陀町468</t>
    <rPh sb="0" eb="3">
      <t>マツエシ</t>
    </rPh>
    <rPh sb="3" eb="8">
      <t>ニシハマサダチョウ</t>
    </rPh>
    <phoneticPr fontId="1"/>
  </si>
  <si>
    <t>松江市古志町191-6</t>
    <rPh sb="0" eb="3">
      <t>マツエシ</t>
    </rPh>
    <rPh sb="3" eb="6">
      <t>コシマチ</t>
    </rPh>
    <phoneticPr fontId="1"/>
  </si>
  <si>
    <t>浜田市国分町342-2</t>
    <rPh sb="0" eb="3">
      <t>ハマダシ</t>
    </rPh>
    <rPh sb="3" eb="6">
      <t>コクブチョウ</t>
    </rPh>
    <phoneticPr fontId="1"/>
  </si>
  <si>
    <t>松江市西川津町31</t>
    <rPh sb="0" eb="3">
      <t>マツエシ</t>
    </rPh>
    <rPh sb="3" eb="7">
      <t>ニシカワツチョウ</t>
    </rPh>
    <phoneticPr fontId="1"/>
  </si>
  <si>
    <t>松江市乃木福富町733-2</t>
    <rPh sb="0" eb="3">
      <t>マツエシ</t>
    </rPh>
    <rPh sb="3" eb="8">
      <t>ノギフクトミチョウ</t>
    </rPh>
    <phoneticPr fontId="1"/>
  </si>
  <si>
    <t>安来市佐久保町115</t>
    <rPh sb="0" eb="3">
      <t>ヤスギシ</t>
    </rPh>
    <rPh sb="3" eb="7">
      <t>サクボチョウ</t>
    </rPh>
    <phoneticPr fontId="1"/>
  </si>
  <si>
    <t>出雲市神西沖町2485</t>
    <rPh sb="0" eb="3">
      <t>イズモシ</t>
    </rPh>
    <rPh sb="3" eb="7">
      <t>ジンザイオキチョウ</t>
    </rPh>
    <phoneticPr fontId="1"/>
  </si>
  <si>
    <t>大田市久手町刺鹿522-1</t>
    <rPh sb="0" eb="3">
      <t>オオダシ</t>
    </rPh>
    <rPh sb="3" eb="6">
      <t>クテチョウ</t>
    </rPh>
    <rPh sb="6" eb="7">
      <t>サ</t>
    </rPh>
    <rPh sb="7" eb="8">
      <t>シカ</t>
    </rPh>
    <phoneticPr fontId="1"/>
  </si>
  <si>
    <t>大田市仁摩町仁万907</t>
    <rPh sb="0" eb="3">
      <t>オオダシ</t>
    </rPh>
    <rPh sb="3" eb="6">
      <t>ニマチョウ</t>
    </rPh>
    <rPh sb="6" eb="8">
      <t>ニマ</t>
    </rPh>
    <phoneticPr fontId="1"/>
  </si>
  <si>
    <t>雲南市三刀屋町三刀屋1212-32</t>
    <rPh sb="0" eb="3">
      <t>ウンナンシ</t>
    </rPh>
    <rPh sb="3" eb="7">
      <t>ミトヤチョウ</t>
    </rPh>
    <rPh sb="7" eb="10">
      <t>ミトヤ</t>
    </rPh>
    <phoneticPr fontId="1"/>
  </si>
  <si>
    <t>邑智郡邑南町中野2384-18</t>
    <rPh sb="0" eb="3">
      <t>オオチグン</t>
    </rPh>
    <rPh sb="3" eb="6">
      <t>オオナンチョウ</t>
    </rPh>
    <rPh sb="6" eb="8">
      <t>ナカノ</t>
    </rPh>
    <phoneticPr fontId="1"/>
  </si>
  <si>
    <t>益田市横田町2120-1</t>
    <rPh sb="0" eb="3">
      <t>マスダシ</t>
    </rPh>
    <rPh sb="3" eb="6">
      <t>ヨコタチョウ</t>
    </rPh>
    <phoneticPr fontId="1"/>
  </si>
  <si>
    <t>隠岐郡隠岐の島町城北町363</t>
    <rPh sb="0" eb="3">
      <t>オキグン</t>
    </rPh>
    <rPh sb="3" eb="5">
      <t>オキ</t>
    </rPh>
    <rPh sb="6" eb="8">
      <t>シマチョウ</t>
    </rPh>
    <rPh sb="8" eb="11">
      <t>ジョウホクチョウ</t>
    </rPh>
    <phoneticPr fontId="1"/>
  </si>
  <si>
    <t>松江市東生馬町11</t>
    <rPh sb="0" eb="3">
      <t>マツエシ</t>
    </rPh>
    <rPh sb="3" eb="7">
      <t>ヒガシイクマチョウ</t>
    </rPh>
    <phoneticPr fontId="1"/>
  </si>
  <si>
    <t>江津市渡津町772</t>
    <rPh sb="0" eb="3">
      <t>ゴウツシ</t>
    </rPh>
    <rPh sb="3" eb="6">
      <t>ワタツチョウ</t>
    </rPh>
    <phoneticPr fontId="1"/>
  </si>
  <si>
    <t>松江市上乃木五丁目18-1</t>
    <rPh sb="0" eb="3">
      <t>マツエシ</t>
    </rPh>
    <rPh sb="3" eb="6">
      <t>アゲノギ</t>
    </rPh>
    <rPh sb="6" eb="9">
      <t>ゴチョウメ</t>
    </rPh>
    <phoneticPr fontId="1"/>
  </si>
  <si>
    <t>0852-36-8221</t>
    <phoneticPr fontId="1"/>
  </si>
  <si>
    <t>0852-36-8222</t>
    <phoneticPr fontId="1"/>
  </si>
  <si>
    <t>0852-36-7222</t>
  </si>
  <si>
    <t>0852-36-7223</t>
  </si>
  <si>
    <t>0855-28-0146</t>
  </si>
  <si>
    <t>0855-28-2063</t>
  </si>
  <si>
    <t>0852-26-6880</t>
  </si>
  <si>
    <t>0852-26-6871</t>
  </si>
  <si>
    <t>0854-22-2680</t>
  </si>
  <si>
    <t>0854-22-2681</t>
  </si>
  <si>
    <t>0853-43-2260</t>
  </si>
  <si>
    <t>0853-43-1246</t>
  </si>
  <si>
    <t>0854-84-0213</t>
  </si>
  <si>
    <t>0854-84-5032</t>
  </si>
  <si>
    <t>0854-88-9060</t>
  </si>
  <si>
    <t>0854-88-9061</t>
  </si>
  <si>
    <t>0854-45-0388</t>
  </si>
  <si>
    <t>0854-45-5655</t>
  </si>
  <si>
    <t>0855-95-0319</t>
  </si>
  <si>
    <t>0855-95-0291</t>
  </si>
  <si>
    <t>0855-28-2200</t>
  </si>
  <si>
    <t>0855-28-2201</t>
  </si>
  <si>
    <t>0856-31-5112</t>
  </si>
  <si>
    <t>0856-31-5114</t>
  </si>
  <si>
    <t>08512-2-3593</t>
  </si>
  <si>
    <t>08512-2-3142</t>
  </si>
  <si>
    <t>0852-36-8720</t>
  </si>
  <si>
    <t>0852-36-8738</t>
  </si>
  <si>
    <t>0855-52-2613</t>
  </si>
  <si>
    <t>0855-52-2614</t>
  </si>
  <si>
    <t>0852-23-9500</t>
  </si>
  <si>
    <t>0852-23-9517</t>
  </si>
  <si>
    <t>0852-21-3673</t>
    <phoneticPr fontId="1"/>
  </si>
  <si>
    <t>0852-28-5755</t>
    <phoneticPr fontId="1"/>
  </si>
  <si>
    <t xml:space="preserve">matsurou@edu.pref.shimane.jp </t>
  </si>
  <si>
    <t>hamadaro@pref.shimane.lg.jp</t>
  </si>
  <si>
    <t>matsue-yogo@edu.pref.shimane.jp</t>
  </si>
  <si>
    <t>iwami-yogo@edu.pref.shimane.jp</t>
  </si>
  <si>
    <t>hamadayogo@pref.shimane.lg.jp</t>
  </si>
  <si>
    <t>masuda-yogo@edu.pref.shimane.jp</t>
  </si>
  <si>
    <t>seishin-yogo@edu.pref.shimane.jp</t>
  </si>
  <si>
    <t>okiyogo@pref.shimane.lg.jp</t>
  </si>
  <si>
    <t>seiwayogo@pref.shimane.lg.jp</t>
  </si>
  <si>
    <t>midorigaokayogo@pref.shimane.lg.jp</t>
  </si>
  <si>
    <t xml:space="preserve">nogi-kosha@edu.pref.shimane.jp </t>
  </si>
  <si>
    <t xml:space="preserve">yasugi-bun@edu.pref.shimane.jp </t>
  </si>
  <si>
    <t>-</t>
    <phoneticPr fontId="1"/>
  </si>
  <si>
    <t>-</t>
    <phoneticPr fontId="1"/>
  </si>
  <si>
    <t>-</t>
    <phoneticPr fontId="1"/>
  </si>
  <si>
    <t>-</t>
    <phoneticPr fontId="1"/>
  </si>
  <si>
    <t>平成29年度
高等部定員</t>
    <rPh sb="0" eb="2">
      <t>ヘイセイ</t>
    </rPh>
    <rPh sb="4" eb="6">
      <t>ネンド</t>
    </rPh>
    <rPh sb="7" eb="10">
      <t>コウトウブ</t>
    </rPh>
    <rPh sb="10" eb="12">
      <t>テイイン</t>
    </rPh>
    <phoneticPr fontId="1"/>
  </si>
  <si>
    <t>-</t>
    <phoneticPr fontId="1"/>
  </si>
  <si>
    <t>平成29年度
専攻科定員</t>
    <rPh sb="0" eb="2">
      <t>ヘイセイ</t>
    </rPh>
    <rPh sb="4" eb="6">
      <t>ネンド</t>
    </rPh>
    <rPh sb="7" eb="10">
      <t>センコウカ</t>
    </rPh>
    <rPh sb="10" eb="12">
      <t>テイイン</t>
    </rPh>
    <phoneticPr fontId="1"/>
  </si>
  <si>
    <t xml:space="preserve">izumo-yogo@edu.pref.shimane.jp </t>
    <phoneticPr fontId="1"/>
  </si>
  <si>
    <t xml:space="preserve">ohda-bun@edu.pref.shimane.jp </t>
    <phoneticPr fontId="1"/>
  </si>
  <si>
    <t xml:space="preserve">nima-bun@edu.pref.shimane.jp </t>
    <phoneticPr fontId="1"/>
  </si>
  <si>
    <t xml:space="preserve">mirai-bun@edu.pref.shimane.jp </t>
    <phoneticPr fontId="1"/>
  </si>
  <si>
    <t xml:space="preserve">unnan-bun@edu.pref.shimane.jp </t>
    <phoneticPr fontId="1"/>
  </si>
  <si>
    <t>松江養護学校に含む</t>
    <rPh sb="0" eb="2">
      <t>マツエ</t>
    </rPh>
    <rPh sb="2" eb="4">
      <t>ヨウゴ</t>
    </rPh>
    <rPh sb="4" eb="6">
      <t>ガッコウ</t>
    </rPh>
    <rPh sb="7" eb="8">
      <t>フク</t>
    </rPh>
    <phoneticPr fontId="1"/>
  </si>
  <si>
    <t>-</t>
    <phoneticPr fontId="1"/>
  </si>
  <si>
    <t>-</t>
    <phoneticPr fontId="1"/>
  </si>
  <si>
    <t>-</t>
    <phoneticPr fontId="1"/>
  </si>
  <si>
    <t>mogako@edu.pref.shimane.jp</t>
    <phoneticPr fontId="1"/>
  </si>
  <si>
    <t>(1)のうち
幼稚部</t>
    <rPh sb="7" eb="10">
      <t>ヨウチブ</t>
    </rPh>
    <phoneticPr fontId="1"/>
  </si>
  <si>
    <t>(1)のうち
小学部</t>
    <rPh sb="7" eb="10">
      <t>ショウガクブ</t>
    </rPh>
    <phoneticPr fontId="1"/>
  </si>
  <si>
    <t>(1)のうち
中学部</t>
    <rPh sb="7" eb="10">
      <t>チュウガクブ</t>
    </rPh>
    <phoneticPr fontId="1"/>
  </si>
  <si>
    <t>(1)のうち
高等部</t>
    <rPh sb="7" eb="10">
      <t>コウトウブ</t>
    </rPh>
    <phoneticPr fontId="1"/>
  </si>
  <si>
    <t>(1)のうち
専攻科</t>
    <rPh sb="7" eb="10">
      <t>センコウカ</t>
    </rPh>
    <phoneticPr fontId="1"/>
  </si>
  <si>
    <t>寄宿舎生数
(H28.5.1)
(2)</t>
    <rPh sb="0" eb="3">
      <t>キシュクシャ</t>
    </rPh>
    <rPh sb="3" eb="4">
      <t>セイ</t>
    </rPh>
    <rPh sb="4" eb="5">
      <t>スウ</t>
    </rPh>
    <phoneticPr fontId="1"/>
  </si>
  <si>
    <t>(2)のうち
小学部</t>
    <rPh sb="7" eb="10">
      <t>ショウガクブ</t>
    </rPh>
    <phoneticPr fontId="1"/>
  </si>
  <si>
    <t>(2)のうち
中学部</t>
    <rPh sb="7" eb="10">
      <t>チュウガクブ</t>
    </rPh>
    <phoneticPr fontId="1"/>
  </si>
  <si>
    <t>(2)のうち
高等部</t>
    <rPh sb="7" eb="10">
      <t>コウトウブ</t>
    </rPh>
    <phoneticPr fontId="1"/>
  </si>
  <si>
    <t>(2)のうち
専攻科</t>
    <rPh sb="7" eb="10">
      <t>センコウカ</t>
    </rPh>
    <phoneticPr fontId="1"/>
  </si>
  <si>
    <t>児童生徒数
(H28.5.1)
(1)</t>
    <rPh sb="0" eb="2">
      <t>ジドウ</t>
    </rPh>
    <rPh sb="2" eb="4">
      <t>セイト</t>
    </rPh>
    <rPh sb="4" eb="5">
      <t>カズ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▲ &quot;#,##0"/>
    <numFmt numFmtId="177" formatCode="0.000000_ "/>
  </numFmts>
  <fonts count="3" x14ac:knownFonts="1">
    <font>
      <sz val="11"/>
      <color theme="1"/>
      <name val="HGｺﾞｼｯｸM"/>
      <family val="2"/>
      <charset val="128"/>
    </font>
    <font>
      <sz val="6"/>
      <name val="HGｺﾞｼｯｸM"/>
      <family val="2"/>
      <charset val="128"/>
    </font>
    <font>
      <sz val="11"/>
      <color theme="1"/>
      <name val="HGｺﾞｼｯｸM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">
    <xf numFmtId="0" fontId="0" fillId="0" borderId="0" xfId="0">
      <alignment vertical="center"/>
    </xf>
    <xf numFmtId="0" fontId="0" fillId="0" borderId="1" xfId="0" applyFont="1" applyBorder="1" applyAlignment="1">
      <alignment horizontal="center" vertical="center"/>
    </xf>
    <xf numFmtId="176" fontId="2" fillId="0" borderId="1" xfId="0" applyNumberFormat="1" applyFont="1" applyBorder="1" applyAlignment="1">
      <alignment horizontal="center" vertical="center"/>
    </xf>
    <xf numFmtId="0" fontId="2" fillId="0" borderId="0" xfId="0" applyFont="1" applyAlignment="1">
      <alignment vertical="center"/>
    </xf>
    <xf numFmtId="0" fontId="2" fillId="0" borderId="1" xfId="0" applyFont="1" applyBorder="1" applyAlignment="1">
      <alignment vertical="center"/>
    </xf>
    <xf numFmtId="177" fontId="2" fillId="0" borderId="1" xfId="0" applyNumberFormat="1" applyFont="1" applyBorder="1" applyAlignment="1">
      <alignment vertical="center"/>
    </xf>
    <xf numFmtId="176" fontId="2" fillId="0" borderId="1" xfId="0" applyNumberFormat="1" applyFont="1" applyBorder="1" applyAlignment="1">
      <alignment vertical="center"/>
    </xf>
    <xf numFmtId="0" fontId="2" fillId="0" borderId="1" xfId="0" applyFont="1" applyBorder="1" applyAlignment="1">
      <alignment vertical="center" shrinkToFit="1"/>
    </xf>
    <xf numFmtId="176" fontId="2" fillId="0" borderId="0" xfId="0" applyNumberFormat="1" applyFont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19"/>
  <sheetViews>
    <sheetView tabSelected="1" workbookViewId="0">
      <selection activeCell="C8" sqref="C8"/>
    </sheetView>
  </sheetViews>
  <sheetFormatPr defaultRowHeight="19.5" customHeight="1" x14ac:dyDescent="0.15"/>
  <cols>
    <col min="1" max="1" width="27.25" style="3" bestFit="1" customWidth="1"/>
    <col min="2" max="2" width="18.375" style="3" bestFit="1" customWidth="1"/>
    <col min="3" max="3" width="9.5" style="3" bestFit="1" customWidth="1"/>
    <col min="4" max="4" width="30.5" style="3" bestFit="1" customWidth="1"/>
    <col min="5" max="6" width="13.875" style="3" bestFit="1" customWidth="1"/>
    <col min="7" max="7" width="38.25" style="3" bestFit="1" customWidth="1"/>
    <col min="8" max="8" width="13.875" style="3" bestFit="1" customWidth="1"/>
    <col min="9" max="9" width="15" style="3" bestFit="1" customWidth="1"/>
    <col min="10" max="10" width="23.875" style="8" bestFit="1" customWidth="1"/>
    <col min="11" max="15" width="16.125" style="8" bestFit="1" customWidth="1"/>
    <col min="16" max="17" width="22.75" style="3" bestFit="1" customWidth="1"/>
    <col min="18" max="18" width="23.875" style="3" bestFit="1" customWidth="1"/>
    <col min="19" max="20" width="16.125" style="8" bestFit="1" customWidth="1"/>
    <col min="21" max="21" width="20.5" style="8" bestFit="1" customWidth="1"/>
    <col min="22" max="22" width="16.125" style="8" bestFit="1" customWidth="1"/>
    <col min="23" max="16384" width="9" style="3"/>
  </cols>
  <sheetData>
    <row r="1" spans="1:22" ht="19.5" customHeight="1" x14ac:dyDescent="0.1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2" t="s">
        <v>140</v>
      </c>
      <c r="K1" s="2" t="s">
        <v>130</v>
      </c>
      <c r="L1" s="2" t="s">
        <v>131</v>
      </c>
      <c r="M1" s="2" t="s">
        <v>132</v>
      </c>
      <c r="N1" s="2" t="s">
        <v>133</v>
      </c>
      <c r="O1" s="2" t="s">
        <v>134</v>
      </c>
      <c r="P1" s="1" t="s">
        <v>117</v>
      </c>
      <c r="Q1" s="1" t="s">
        <v>119</v>
      </c>
      <c r="R1" s="1" t="s">
        <v>135</v>
      </c>
      <c r="S1" s="2" t="s">
        <v>136</v>
      </c>
      <c r="T1" s="2" t="s">
        <v>137</v>
      </c>
      <c r="U1" s="2" t="s">
        <v>138</v>
      </c>
      <c r="V1" s="2" t="s">
        <v>139</v>
      </c>
    </row>
    <row r="2" spans="1:22" ht="19.5" customHeight="1" x14ac:dyDescent="0.15">
      <c r="A2" s="4" t="s">
        <v>9</v>
      </c>
      <c r="B2" s="4" t="s">
        <v>27</v>
      </c>
      <c r="C2" s="4" t="s">
        <v>34</v>
      </c>
      <c r="D2" s="4" t="s">
        <v>51</v>
      </c>
      <c r="E2" s="4" t="s">
        <v>67</v>
      </c>
      <c r="F2" s="4" t="s">
        <v>68</v>
      </c>
      <c r="G2" s="4" t="s">
        <v>129</v>
      </c>
      <c r="H2" s="5">
        <v>35.475555555555559</v>
      </c>
      <c r="I2" s="5">
        <v>133.00972222222222</v>
      </c>
      <c r="J2" s="6">
        <v>14</v>
      </c>
      <c r="K2" s="6" t="s">
        <v>113</v>
      </c>
      <c r="L2" s="6">
        <v>1</v>
      </c>
      <c r="M2" s="6">
        <v>2</v>
      </c>
      <c r="N2" s="6">
        <v>2</v>
      </c>
      <c r="O2" s="6">
        <v>9</v>
      </c>
      <c r="P2" s="4">
        <v>22</v>
      </c>
      <c r="Q2" s="4">
        <v>19</v>
      </c>
      <c r="R2" s="4">
        <v>5</v>
      </c>
      <c r="S2" s="6">
        <v>0</v>
      </c>
      <c r="T2" s="6">
        <v>2</v>
      </c>
      <c r="U2" s="6">
        <v>1</v>
      </c>
      <c r="V2" s="6">
        <v>2</v>
      </c>
    </row>
    <row r="3" spans="1:22" ht="19.5" customHeight="1" x14ac:dyDescent="0.15">
      <c r="A3" s="4" t="s">
        <v>10</v>
      </c>
      <c r="B3" s="4" t="s">
        <v>28</v>
      </c>
      <c r="C3" s="4" t="s">
        <v>35</v>
      </c>
      <c r="D3" s="4" t="s">
        <v>52</v>
      </c>
      <c r="E3" s="4" t="s">
        <v>69</v>
      </c>
      <c r="F3" s="4" t="s">
        <v>70</v>
      </c>
      <c r="G3" s="4" t="s">
        <v>101</v>
      </c>
      <c r="H3" s="5">
        <v>35.499444444444443</v>
      </c>
      <c r="I3" s="5">
        <v>133.00916666666666</v>
      </c>
      <c r="J3" s="6">
        <v>28</v>
      </c>
      <c r="K3" s="6">
        <v>5</v>
      </c>
      <c r="L3" s="6">
        <v>11</v>
      </c>
      <c r="M3" s="6">
        <v>4</v>
      </c>
      <c r="N3" s="6">
        <v>7</v>
      </c>
      <c r="O3" s="6">
        <v>1</v>
      </c>
      <c r="P3" s="4">
        <v>22</v>
      </c>
      <c r="Q3" s="4">
        <v>22</v>
      </c>
      <c r="R3" s="4">
        <v>11</v>
      </c>
      <c r="S3" s="6">
        <v>3</v>
      </c>
      <c r="T3" s="6">
        <v>3</v>
      </c>
      <c r="U3" s="6">
        <v>5</v>
      </c>
      <c r="V3" s="6">
        <v>0</v>
      </c>
    </row>
    <row r="4" spans="1:22" ht="19.5" customHeight="1" x14ac:dyDescent="0.15">
      <c r="A4" s="4" t="s">
        <v>11</v>
      </c>
      <c r="B4" s="4" t="s">
        <v>28</v>
      </c>
      <c r="C4" s="4" t="s">
        <v>36</v>
      </c>
      <c r="D4" s="4" t="s">
        <v>52</v>
      </c>
      <c r="E4" s="4" t="s">
        <v>71</v>
      </c>
      <c r="F4" s="4" t="s">
        <v>72</v>
      </c>
      <c r="G4" s="4" t="s">
        <v>102</v>
      </c>
      <c r="H4" s="5">
        <v>34.940555555555555</v>
      </c>
      <c r="I4" s="5">
        <v>132.11583333333334</v>
      </c>
      <c r="J4" s="6">
        <v>11</v>
      </c>
      <c r="K4" s="6">
        <v>2</v>
      </c>
      <c r="L4" s="6">
        <v>4</v>
      </c>
      <c r="M4" s="6">
        <v>2</v>
      </c>
      <c r="N4" s="6">
        <v>3</v>
      </c>
      <c r="O4" s="6" t="s">
        <v>114</v>
      </c>
      <c r="P4" s="4">
        <v>22</v>
      </c>
      <c r="Q4" s="4" t="s">
        <v>118</v>
      </c>
      <c r="R4" s="4">
        <v>1</v>
      </c>
      <c r="S4" s="6">
        <v>0</v>
      </c>
      <c r="T4" s="6">
        <v>0</v>
      </c>
      <c r="U4" s="6">
        <v>1</v>
      </c>
      <c r="V4" s="6">
        <v>0</v>
      </c>
    </row>
    <row r="5" spans="1:22" ht="19.5" customHeight="1" x14ac:dyDescent="0.15">
      <c r="A5" s="4" t="s">
        <v>12</v>
      </c>
      <c r="B5" s="4" t="s">
        <v>29</v>
      </c>
      <c r="C5" s="4" t="s">
        <v>37</v>
      </c>
      <c r="D5" s="4" t="s">
        <v>54</v>
      </c>
      <c r="E5" s="4" t="s">
        <v>73</v>
      </c>
      <c r="F5" s="4" t="s">
        <v>74</v>
      </c>
      <c r="G5" s="4" t="s">
        <v>103</v>
      </c>
      <c r="H5" s="5">
        <v>35.479999999999997</v>
      </c>
      <c r="I5" s="5">
        <v>133.08638888888888</v>
      </c>
      <c r="J5" s="6">
        <v>211</v>
      </c>
      <c r="K5" s="6" t="s">
        <v>114</v>
      </c>
      <c r="L5" s="6">
        <v>62</v>
      </c>
      <c r="M5" s="6">
        <v>51</v>
      </c>
      <c r="N5" s="6">
        <v>98</v>
      </c>
      <c r="O5" s="6" t="s">
        <v>114</v>
      </c>
      <c r="P5" s="4">
        <v>86</v>
      </c>
      <c r="Q5" s="4" t="s">
        <v>118</v>
      </c>
      <c r="R5" s="4">
        <v>30</v>
      </c>
      <c r="S5" s="6">
        <v>0</v>
      </c>
      <c r="T5" s="6">
        <v>0</v>
      </c>
      <c r="U5" s="6">
        <v>30</v>
      </c>
      <c r="V5" s="6" t="s">
        <v>118</v>
      </c>
    </row>
    <row r="6" spans="1:22" ht="19.5" customHeight="1" x14ac:dyDescent="0.15">
      <c r="A6" s="4" t="s">
        <v>13</v>
      </c>
      <c r="B6" s="4" t="s">
        <v>29</v>
      </c>
      <c r="C6" s="4" t="s">
        <v>38</v>
      </c>
      <c r="D6" s="4" t="s">
        <v>55</v>
      </c>
      <c r="E6" s="4" t="s">
        <v>99</v>
      </c>
      <c r="F6" s="4" t="s">
        <v>100</v>
      </c>
      <c r="G6" s="4" t="s">
        <v>111</v>
      </c>
      <c r="H6" s="5">
        <v>35.436388888888892</v>
      </c>
      <c r="I6" s="5">
        <v>133.04222222222222</v>
      </c>
      <c r="J6" s="6">
        <v>59</v>
      </c>
      <c r="K6" s="6" t="s">
        <v>115</v>
      </c>
      <c r="L6" s="6" t="s">
        <v>115</v>
      </c>
      <c r="M6" s="6" t="s">
        <v>113</v>
      </c>
      <c r="N6" s="6">
        <v>59</v>
      </c>
      <c r="O6" s="6" t="s">
        <v>115</v>
      </c>
      <c r="P6" s="7" t="s">
        <v>125</v>
      </c>
      <c r="Q6" s="4" t="s">
        <v>118</v>
      </c>
      <c r="R6" s="7" t="s">
        <v>125</v>
      </c>
      <c r="S6" s="6" t="s">
        <v>118</v>
      </c>
      <c r="T6" s="6" t="s">
        <v>118</v>
      </c>
      <c r="U6" s="7" t="s">
        <v>125</v>
      </c>
      <c r="V6" s="6" t="s">
        <v>118</v>
      </c>
    </row>
    <row r="7" spans="1:22" ht="19.5" customHeight="1" x14ac:dyDescent="0.15">
      <c r="A7" s="4" t="s">
        <v>14</v>
      </c>
      <c r="B7" s="4" t="s">
        <v>29</v>
      </c>
      <c r="C7" s="4" t="s">
        <v>39</v>
      </c>
      <c r="D7" s="4" t="s">
        <v>56</v>
      </c>
      <c r="E7" s="4" t="s">
        <v>75</v>
      </c>
      <c r="F7" s="4" t="s">
        <v>76</v>
      </c>
      <c r="G7" s="4" t="s">
        <v>112</v>
      </c>
      <c r="H7" s="5">
        <v>35.415555555555557</v>
      </c>
      <c r="I7" s="5">
        <v>133.25166666666667</v>
      </c>
      <c r="J7" s="6">
        <v>16</v>
      </c>
      <c r="K7" s="6" t="s">
        <v>115</v>
      </c>
      <c r="L7" s="6" t="s">
        <v>115</v>
      </c>
      <c r="M7" s="6" t="s">
        <v>115</v>
      </c>
      <c r="N7" s="6">
        <v>16</v>
      </c>
      <c r="O7" s="6" t="s">
        <v>115</v>
      </c>
      <c r="P7" s="4">
        <v>8</v>
      </c>
      <c r="Q7" s="4" t="s">
        <v>118</v>
      </c>
      <c r="R7" s="4" t="s">
        <v>126</v>
      </c>
      <c r="S7" s="6" t="s">
        <v>118</v>
      </c>
      <c r="T7" s="6" t="s">
        <v>118</v>
      </c>
      <c r="U7" s="6" t="s">
        <v>118</v>
      </c>
      <c r="V7" s="6" t="s">
        <v>118</v>
      </c>
    </row>
    <row r="8" spans="1:22" ht="19.5" customHeight="1" x14ac:dyDescent="0.15">
      <c r="A8" s="4" t="s">
        <v>15</v>
      </c>
      <c r="B8" s="4" t="s">
        <v>33</v>
      </c>
      <c r="C8" s="4" t="s">
        <v>40</v>
      </c>
      <c r="D8" s="4" t="s">
        <v>57</v>
      </c>
      <c r="E8" s="4" t="s">
        <v>77</v>
      </c>
      <c r="F8" s="4" t="s">
        <v>78</v>
      </c>
      <c r="G8" s="4" t="s">
        <v>120</v>
      </c>
      <c r="H8" s="5">
        <v>35.341666666666669</v>
      </c>
      <c r="I8" s="5">
        <v>132.68222222222221</v>
      </c>
      <c r="J8" s="6">
        <v>227</v>
      </c>
      <c r="K8" s="6" t="s">
        <v>115</v>
      </c>
      <c r="L8" s="6">
        <v>47</v>
      </c>
      <c r="M8" s="6">
        <v>37</v>
      </c>
      <c r="N8" s="6">
        <v>143</v>
      </c>
      <c r="O8" s="6" t="s">
        <v>115</v>
      </c>
      <c r="P8" s="4">
        <v>80</v>
      </c>
      <c r="Q8" s="4" t="s">
        <v>118</v>
      </c>
      <c r="R8" s="4">
        <v>32</v>
      </c>
      <c r="S8" s="6">
        <v>0</v>
      </c>
      <c r="T8" s="6">
        <v>0</v>
      </c>
      <c r="U8" s="6">
        <v>32</v>
      </c>
      <c r="V8" s="6" t="s">
        <v>118</v>
      </c>
    </row>
    <row r="9" spans="1:22" ht="19.5" customHeight="1" x14ac:dyDescent="0.15">
      <c r="A9" s="4" t="s">
        <v>16</v>
      </c>
      <c r="B9" s="4" t="s">
        <v>29</v>
      </c>
      <c r="C9" s="4" t="s">
        <v>41</v>
      </c>
      <c r="D9" s="4" t="s">
        <v>58</v>
      </c>
      <c r="E9" s="4" t="s">
        <v>79</v>
      </c>
      <c r="F9" s="4" t="s">
        <v>80</v>
      </c>
      <c r="G9" s="4" t="s">
        <v>121</v>
      </c>
      <c r="H9" s="5">
        <v>35.216388888888886</v>
      </c>
      <c r="I9" s="5">
        <v>132.50472222222223</v>
      </c>
      <c r="J9" s="6">
        <v>13</v>
      </c>
      <c r="K9" s="6" t="s">
        <v>115</v>
      </c>
      <c r="L9" s="6">
        <v>6</v>
      </c>
      <c r="M9" s="6">
        <v>7</v>
      </c>
      <c r="N9" s="6" t="s">
        <v>115</v>
      </c>
      <c r="O9" s="6" t="s">
        <v>113</v>
      </c>
      <c r="P9" s="4" t="s">
        <v>118</v>
      </c>
      <c r="Q9" s="4" t="s">
        <v>118</v>
      </c>
      <c r="R9" s="4" t="s">
        <v>126</v>
      </c>
      <c r="S9" s="6" t="s">
        <v>118</v>
      </c>
      <c r="T9" s="6" t="s">
        <v>118</v>
      </c>
      <c r="U9" s="6" t="s">
        <v>118</v>
      </c>
      <c r="V9" s="6" t="s">
        <v>118</v>
      </c>
    </row>
    <row r="10" spans="1:22" ht="19.5" customHeight="1" x14ac:dyDescent="0.15">
      <c r="A10" s="4" t="s">
        <v>17</v>
      </c>
      <c r="B10" s="4" t="s">
        <v>29</v>
      </c>
      <c r="C10" s="4" t="s">
        <v>42</v>
      </c>
      <c r="D10" s="4" t="s">
        <v>59</v>
      </c>
      <c r="E10" s="4" t="s">
        <v>81</v>
      </c>
      <c r="F10" s="4" t="s">
        <v>82</v>
      </c>
      <c r="G10" s="4" t="s">
        <v>122</v>
      </c>
      <c r="H10" s="5">
        <v>35.153888888888886</v>
      </c>
      <c r="I10" s="5">
        <v>132.40722222222223</v>
      </c>
      <c r="J10" s="6">
        <v>12</v>
      </c>
      <c r="K10" s="6" t="s">
        <v>115</v>
      </c>
      <c r="L10" s="6" t="s">
        <v>115</v>
      </c>
      <c r="M10" s="6" t="s">
        <v>115</v>
      </c>
      <c r="N10" s="6">
        <v>12</v>
      </c>
      <c r="O10" s="6" t="s">
        <v>115</v>
      </c>
      <c r="P10" s="4">
        <v>8</v>
      </c>
      <c r="Q10" s="4" t="s">
        <v>118</v>
      </c>
      <c r="R10" s="4" t="s">
        <v>127</v>
      </c>
      <c r="S10" s="6" t="s">
        <v>118</v>
      </c>
      <c r="T10" s="6" t="s">
        <v>118</v>
      </c>
      <c r="U10" s="6" t="s">
        <v>118</v>
      </c>
      <c r="V10" s="6" t="s">
        <v>118</v>
      </c>
    </row>
    <row r="11" spans="1:22" ht="19.5" customHeight="1" x14ac:dyDescent="0.15">
      <c r="A11" s="4" t="s">
        <v>18</v>
      </c>
      <c r="B11" s="4" t="s">
        <v>30</v>
      </c>
      <c r="C11" s="4" t="s">
        <v>40</v>
      </c>
      <c r="D11" s="4" t="s">
        <v>57</v>
      </c>
      <c r="E11" s="4" t="s">
        <v>77</v>
      </c>
      <c r="F11" s="4" t="s">
        <v>78</v>
      </c>
      <c r="G11" s="4" t="s">
        <v>123</v>
      </c>
      <c r="H11" s="5">
        <v>35.341388888888886</v>
      </c>
      <c r="I11" s="5">
        <v>132.68194444444444</v>
      </c>
      <c r="J11" s="6">
        <v>15</v>
      </c>
      <c r="K11" s="6" t="s">
        <v>115</v>
      </c>
      <c r="L11" s="6">
        <v>5</v>
      </c>
      <c r="M11" s="6">
        <v>10</v>
      </c>
      <c r="N11" s="6" t="s">
        <v>115</v>
      </c>
      <c r="O11" s="6" t="s">
        <v>113</v>
      </c>
      <c r="P11" s="4" t="s">
        <v>118</v>
      </c>
      <c r="Q11" s="4" t="s">
        <v>118</v>
      </c>
      <c r="R11" s="4" t="s">
        <v>126</v>
      </c>
      <c r="S11" s="6" t="s">
        <v>118</v>
      </c>
      <c r="T11" s="6" t="s">
        <v>118</v>
      </c>
      <c r="U11" s="6" t="s">
        <v>118</v>
      </c>
      <c r="V11" s="6" t="s">
        <v>118</v>
      </c>
    </row>
    <row r="12" spans="1:22" ht="19.5" customHeight="1" x14ac:dyDescent="0.15">
      <c r="A12" s="4" t="s">
        <v>19</v>
      </c>
      <c r="B12" s="4" t="s">
        <v>29</v>
      </c>
      <c r="C12" s="4" t="s">
        <v>43</v>
      </c>
      <c r="D12" s="4" t="s">
        <v>60</v>
      </c>
      <c r="E12" s="4" t="s">
        <v>83</v>
      </c>
      <c r="F12" s="4" t="s">
        <v>84</v>
      </c>
      <c r="G12" s="4" t="s">
        <v>124</v>
      </c>
      <c r="H12" s="5">
        <v>35.293888888888887</v>
      </c>
      <c r="I12" s="5">
        <v>132.88499999999999</v>
      </c>
      <c r="J12" s="6">
        <v>13</v>
      </c>
      <c r="K12" s="6" t="s">
        <v>115</v>
      </c>
      <c r="L12" s="6" t="s">
        <v>115</v>
      </c>
      <c r="M12" s="6" t="s">
        <v>113</v>
      </c>
      <c r="N12" s="6">
        <v>13</v>
      </c>
      <c r="O12" s="6" t="s">
        <v>115</v>
      </c>
      <c r="P12" s="4">
        <v>8</v>
      </c>
      <c r="Q12" s="4" t="s">
        <v>118</v>
      </c>
      <c r="R12" s="4" t="s">
        <v>128</v>
      </c>
      <c r="S12" s="6" t="s">
        <v>118</v>
      </c>
      <c r="T12" s="6" t="s">
        <v>118</v>
      </c>
      <c r="U12" s="6" t="s">
        <v>118</v>
      </c>
      <c r="V12" s="6" t="s">
        <v>118</v>
      </c>
    </row>
    <row r="13" spans="1:22" ht="19.5" customHeight="1" x14ac:dyDescent="0.15">
      <c r="A13" s="4" t="s">
        <v>20</v>
      </c>
      <c r="B13" s="4" t="s">
        <v>29</v>
      </c>
      <c r="C13" s="4" t="s">
        <v>44</v>
      </c>
      <c r="D13" s="4" t="s">
        <v>61</v>
      </c>
      <c r="E13" s="4" t="s">
        <v>85</v>
      </c>
      <c r="F13" s="4" t="s">
        <v>86</v>
      </c>
      <c r="G13" s="4" t="s">
        <v>104</v>
      </c>
      <c r="H13" s="5">
        <v>34.896944444444443</v>
      </c>
      <c r="I13" s="5">
        <v>132.46222222222221</v>
      </c>
      <c r="J13" s="6">
        <v>43</v>
      </c>
      <c r="K13" s="6" t="s">
        <v>114</v>
      </c>
      <c r="L13" s="6">
        <v>7</v>
      </c>
      <c r="M13" s="6">
        <v>10</v>
      </c>
      <c r="N13" s="6">
        <v>26</v>
      </c>
      <c r="O13" s="6" t="s">
        <v>114</v>
      </c>
      <c r="P13" s="4">
        <v>17</v>
      </c>
      <c r="Q13" s="4" t="s">
        <v>118</v>
      </c>
      <c r="R13" s="4">
        <v>21</v>
      </c>
      <c r="S13" s="6">
        <v>1</v>
      </c>
      <c r="T13" s="6">
        <v>0</v>
      </c>
      <c r="U13" s="6">
        <v>20</v>
      </c>
      <c r="V13" s="6" t="s">
        <v>118</v>
      </c>
    </row>
    <row r="14" spans="1:22" ht="19.5" customHeight="1" x14ac:dyDescent="0.15">
      <c r="A14" s="4" t="s">
        <v>21</v>
      </c>
      <c r="B14" s="4" t="s">
        <v>29</v>
      </c>
      <c r="C14" s="4" t="s">
        <v>46</v>
      </c>
      <c r="D14" s="4" t="s">
        <v>53</v>
      </c>
      <c r="E14" s="4" t="s">
        <v>87</v>
      </c>
      <c r="F14" s="4" t="s">
        <v>88</v>
      </c>
      <c r="G14" s="4" t="s">
        <v>105</v>
      </c>
      <c r="H14" s="5">
        <v>34.941111111111113</v>
      </c>
      <c r="I14" s="5">
        <v>132.11555555555555</v>
      </c>
      <c r="J14" s="6">
        <v>78</v>
      </c>
      <c r="K14" s="6" t="s">
        <v>113</v>
      </c>
      <c r="L14" s="6">
        <v>13</v>
      </c>
      <c r="M14" s="6">
        <v>15</v>
      </c>
      <c r="N14" s="6">
        <v>50</v>
      </c>
      <c r="O14" s="6" t="s">
        <v>114</v>
      </c>
      <c r="P14" s="4">
        <v>30</v>
      </c>
      <c r="Q14" s="4" t="s">
        <v>118</v>
      </c>
      <c r="R14" s="4">
        <v>13</v>
      </c>
      <c r="S14" s="6">
        <v>0</v>
      </c>
      <c r="T14" s="6">
        <v>0</v>
      </c>
      <c r="U14" s="6">
        <v>13</v>
      </c>
      <c r="V14" s="6" t="s">
        <v>118</v>
      </c>
    </row>
    <row r="15" spans="1:22" ht="19.5" customHeight="1" x14ac:dyDescent="0.15">
      <c r="A15" s="4" t="s">
        <v>22</v>
      </c>
      <c r="B15" s="4" t="s">
        <v>33</v>
      </c>
      <c r="C15" s="4" t="s">
        <v>47</v>
      </c>
      <c r="D15" s="4" t="s">
        <v>62</v>
      </c>
      <c r="E15" s="4" t="s">
        <v>89</v>
      </c>
      <c r="F15" s="4" t="s">
        <v>90</v>
      </c>
      <c r="G15" s="4" t="s">
        <v>106</v>
      </c>
      <c r="H15" s="5">
        <v>34.634444444444448</v>
      </c>
      <c r="I15" s="5">
        <v>131.79888888888888</v>
      </c>
      <c r="J15" s="6">
        <v>80</v>
      </c>
      <c r="K15" s="6" t="s">
        <v>114</v>
      </c>
      <c r="L15" s="6">
        <v>10</v>
      </c>
      <c r="M15" s="6">
        <v>17</v>
      </c>
      <c r="N15" s="6">
        <v>53</v>
      </c>
      <c r="O15" s="6" t="s">
        <v>114</v>
      </c>
      <c r="P15" s="4">
        <v>30</v>
      </c>
      <c r="Q15" s="4" t="s">
        <v>118</v>
      </c>
      <c r="R15" s="4">
        <v>23</v>
      </c>
      <c r="S15" s="6">
        <v>0</v>
      </c>
      <c r="T15" s="6">
        <v>2</v>
      </c>
      <c r="U15" s="6">
        <v>21</v>
      </c>
      <c r="V15" s="6" t="s">
        <v>118</v>
      </c>
    </row>
    <row r="16" spans="1:22" ht="19.5" customHeight="1" x14ac:dyDescent="0.15">
      <c r="A16" s="4" t="s">
        <v>23</v>
      </c>
      <c r="B16" s="4" t="s">
        <v>29</v>
      </c>
      <c r="C16" s="4" t="s">
        <v>45</v>
      </c>
      <c r="D16" s="4" t="s">
        <v>63</v>
      </c>
      <c r="E16" s="4" t="s">
        <v>91</v>
      </c>
      <c r="F16" s="4" t="s">
        <v>92</v>
      </c>
      <c r="G16" s="4" t="s">
        <v>108</v>
      </c>
      <c r="H16" s="5">
        <v>36.216388888888886</v>
      </c>
      <c r="I16" s="5">
        <v>133.31805555555556</v>
      </c>
      <c r="J16" s="6">
        <v>23</v>
      </c>
      <c r="K16" s="6" t="s">
        <v>114</v>
      </c>
      <c r="L16" s="6">
        <v>0</v>
      </c>
      <c r="M16" s="6">
        <v>3</v>
      </c>
      <c r="N16" s="6">
        <v>20</v>
      </c>
      <c r="O16" s="6" t="s">
        <v>114</v>
      </c>
      <c r="P16" s="4">
        <v>11</v>
      </c>
      <c r="Q16" s="4" t="s">
        <v>118</v>
      </c>
      <c r="R16" s="4" t="s">
        <v>126</v>
      </c>
      <c r="S16" s="6" t="s">
        <v>118</v>
      </c>
      <c r="T16" s="6" t="s">
        <v>118</v>
      </c>
      <c r="U16" s="6" t="s">
        <v>118</v>
      </c>
      <c r="V16" s="6" t="s">
        <v>118</v>
      </c>
    </row>
    <row r="17" spans="1:22" ht="19.5" customHeight="1" x14ac:dyDescent="0.15">
      <c r="A17" s="4" t="s">
        <v>24</v>
      </c>
      <c r="B17" s="4" t="s">
        <v>31</v>
      </c>
      <c r="C17" s="4" t="s">
        <v>48</v>
      </c>
      <c r="D17" s="4" t="s">
        <v>64</v>
      </c>
      <c r="E17" s="4" t="s">
        <v>93</v>
      </c>
      <c r="F17" s="4" t="s">
        <v>94</v>
      </c>
      <c r="G17" s="4" t="s">
        <v>107</v>
      </c>
      <c r="H17" s="5">
        <v>35.49527777777778</v>
      </c>
      <c r="I17" s="5">
        <v>133.02972222222223</v>
      </c>
      <c r="J17" s="6">
        <v>68</v>
      </c>
      <c r="K17" s="6" t="s">
        <v>114</v>
      </c>
      <c r="L17" s="6">
        <v>30</v>
      </c>
      <c r="M17" s="6">
        <v>17</v>
      </c>
      <c r="N17" s="6">
        <v>21</v>
      </c>
      <c r="O17" s="6" t="s">
        <v>116</v>
      </c>
      <c r="P17" s="4">
        <v>17</v>
      </c>
      <c r="Q17" s="4" t="s">
        <v>118</v>
      </c>
      <c r="R17" s="4" t="s">
        <v>127</v>
      </c>
      <c r="S17" s="6" t="s">
        <v>118</v>
      </c>
      <c r="T17" s="6" t="s">
        <v>118</v>
      </c>
      <c r="U17" s="6" t="s">
        <v>118</v>
      </c>
      <c r="V17" s="6" t="s">
        <v>118</v>
      </c>
    </row>
    <row r="18" spans="1:22" ht="19.5" customHeight="1" x14ac:dyDescent="0.15">
      <c r="A18" s="4" t="s">
        <v>25</v>
      </c>
      <c r="B18" s="4" t="s">
        <v>32</v>
      </c>
      <c r="C18" s="4" t="s">
        <v>49</v>
      </c>
      <c r="D18" s="4" t="s">
        <v>65</v>
      </c>
      <c r="E18" s="4" t="s">
        <v>95</v>
      </c>
      <c r="F18" s="4" t="s">
        <v>96</v>
      </c>
      <c r="G18" s="4" t="s">
        <v>109</v>
      </c>
      <c r="H18" s="5">
        <v>35.024722222222223</v>
      </c>
      <c r="I18" s="5">
        <v>132.23666666666668</v>
      </c>
      <c r="J18" s="6">
        <v>27</v>
      </c>
      <c r="K18" s="6" t="s">
        <v>114</v>
      </c>
      <c r="L18" s="6">
        <v>9</v>
      </c>
      <c r="M18" s="6">
        <v>6</v>
      </c>
      <c r="N18" s="6">
        <v>12</v>
      </c>
      <c r="O18" s="6" t="s">
        <v>114</v>
      </c>
      <c r="P18" s="4">
        <v>22</v>
      </c>
      <c r="Q18" s="4" t="s">
        <v>118</v>
      </c>
      <c r="R18" s="4" t="s">
        <v>126</v>
      </c>
      <c r="S18" s="6" t="s">
        <v>118</v>
      </c>
      <c r="T18" s="6" t="s">
        <v>118</v>
      </c>
      <c r="U18" s="6" t="s">
        <v>118</v>
      </c>
      <c r="V18" s="6" t="s">
        <v>118</v>
      </c>
    </row>
    <row r="19" spans="1:22" ht="19.5" customHeight="1" x14ac:dyDescent="0.15">
      <c r="A19" s="4" t="s">
        <v>26</v>
      </c>
      <c r="B19" s="4" t="s">
        <v>30</v>
      </c>
      <c r="C19" s="4" t="s">
        <v>50</v>
      </c>
      <c r="D19" s="4" t="s">
        <v>66</v>
      </c>
      <c r="E19" s="4" t="s">
        <v>97</v>
      </c>
      <c r="F19" s="4" t="s">
        <v>98</v>
      </c>
      <c r="G19" s="4" t="s">
        <v>110</v>
      </c>
      <c r="H19" s="5">
        <v>35.450277777777778</v>
      </c>
      <c r="I19" s="5">
        <v>133.06694444444443</v>
      </c>
      <c r="J19" s="6">
        <v>40</v>
      </c>
      <c r="K19" s="6" t="s">
        <v>114</v>
      </c>
      <c r="L19" s="6">
        <v>12</v>
      </c>
      <c r="M19" s="6">
        <v>10</v>
      </c>
      <c r="N19" s="6">
        <v>18</v>
      </c>
      <c r="O19" s="6" t="s">
        <v>113</v>
      </c>
      <c r="P19" s="4">
        <v>20</v>
      </c>
      <c r="Q19" s="4" t="s">
        <v>118</v>
      </c>
      <c r="R19" s="4" t="s">
        <v>126</v>
      </c>
      <c r="S19" s="6" t="s">
        <v>118</v>
      </c>
      <c r="T19" s="6" t="s">
        <v>118</v>
      </c>
      <c r="U19" s="6" t="s">
        <v>118</v>
      </c>
      <c r="V19" s="6" t="s">
        <v>118</v>
      </c>
    </row>
  </sheetData>
  <phoneticPr fontId="1"/>
  <pageMargins left="0.7" right="0.7" top="0.75" bottom="0.75" header="0.3" footer="0.3"/>
  <pageSetup paperSize="8" scale="59" orientation="landscape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980048</dc:creator>
  <cp:lastModifiedBy>Windows ユーザー</cp:lastModifiedBy>
  <cp:lastPrinted>2017-02-10T06:34:43Z</cp:lastPrinted>
  <dcterms:created xsi:type="dcterms:W3CDTF">2017-02-10T01:57:04Z</dcterms:created>
  <dcterms:modified xsi:type="dcterms:W3CDTF">2017-08-17T05:11:51Z</dcterms:modified>
</cp:coreProperties>
</file>